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1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9-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9-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soes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clipart, grafische vormgeving, logo&#10;&#10;Automatisch gegenereerde beschrijving">
            <a:extLst>
              <a:ext uri="{FF2B5EF4-FFF2-40B4-BE49-F238E27FC236}">
                <a16:creationId xmlns:a16="http://schemas.microsoft.com/office/drawing/2014/main" id="{C090D5F2-A672-D778-2877-504A85DF564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58324" y="4251203"/>
            <a:ext cx="1718408" cy="241264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clipart, grafische vormgeving, logo&#10;&#10;Automatisch gegenereerde beschrijving">
            <a:extLst>
              <a:ext uri="{FF2B5EF4-FFF2-40B4-BE49-F238E27FC236}">
                <a16:creationId xmlns:a16="http://schemas.microsoft.com/office/drawing/2014/main" id="{017E989A-642C-D636-D794-BBBA370FF6D9}"/>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89655" y="3521206"/>
            <a:ext cx="1274066" cy="178878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9-09T13:48:16Z</dcterms:modified>
</cp:coreProperties>
</file>